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5\HP2305\"/>
    </mc:Choice>
  </mc:AlternateContent>
  <xr:revisionPtr revIDLastSave="0" documentId="8_{17B3DC46-EE42-40F2-A645-D75ED8ABFC77}" xr6:coauthVersionLast="47" xr6:coauthVersionMax="47" xr10:uidLastSave="{00000000-0000-0000-0000-000000000000}"/>
  <bookViews>
    <workbookView xWindow="-108" yWindow="-108" windowWidth="23256" windowHeight="12576" xr2:uid="{523CB81D-111E-4D0F-9921-FD86CF8D0147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9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8E1DAABD-89E9-42C0-B7D4-99D1ED6AF9F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1D63A1-2334-4587-9BFC-2F6A655AABDB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5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4756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7584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851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8733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 x14ac:dyDescent="0.2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 x14ac:dyDescent="0.2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 x14ac:dyDescent="0.2">
      <c r="A22" s="54">
        <v>5</v>
      </c>
      <c r="B22" s="55">
        <v>101</v>
      </c>
      <c r="C22" s="55">
        <v>111</v>
      </c>
      <c r="D22" s="56">
        <v>212</v>
      </c>
      <c r="E22" s="55">
        <v>220</v>
      </c>
      <c r="F22" s="55">
        <v>244</v>
      </c>
      <c r="G22" s="56">
        <v>464</v>
      </c>
      <c r="H22" s="56">
        <v>-252</v>
      </c>
      <c r="I22" s="55">
        <v>321</v>
      </c>
      <c r="J22" s="55">
        <v>114</v>
      </c>
      <c r="K22" s="55">
        <v>122</v>
      </c>
      <c r="L22" s="56">
        <v>236</v>
      </c>
      <c r="M22" s="55">
        <v>476</v>
      </c>
      <c r="N22" s="55">
        <v>404</v>
      </c>
      <c r="O22" s="55">
        <v>277</v>
      </c>
      <c r="P22" s="56">
        <v>681</v>
      </c>
      <c r="Q22" s="56">
        <v>917</v>
      </c>
      <c r="R22" s="55">
        <v>416</v>
      </c>
      <c r="S22" s="55">
        <v>147</v>
      </c>
      <c r="T22" s="55">
        <v>137</v>
      </c>
      <c r="U22" s="56">
        <v>284</v>
      </c>
      <c r="V22" s="55">
        <v>311</v>
      </c>
      <c r="W22" s="55">
        <v>337</v>
      </c>
      <c r="X22" s="55">
        <v>250</v>
      </c>
      <c r="Y22" s="56">
        <v>587</v>
      </c>
      <c r="Z22" s="56">
        <v>871</v>
      </c>
      <c r="AA22" s="56">
        <v>46</v>
      </c>
      <c r="AB22" s="56">
        <v>-206</v>
      </c>
      <c r="AC22" s="57">
        <v>184756</v>
      </c>
      <c r="AD22" s="57">
        <v>198851</v>
      </c>
      <c r="AE22" s="57">
        <v>208733</v>
      </c>
      <c r="AF22" s="58">
        <v>407584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510</v>
      </c>
      <c r="C30" s="70">
        <v>517</v>
      </c>
      <c r="D30" s="70">
        <v>1027</v>
      </c>
      <c r="E30" s="70">
        <v>1238</v>
      </c>
      <c r="F30" s="70">
        <v>1302</v>
      </c>
      <c r="G30" s="70">
        <v>2540</v>
      </c>
      <c r="H30" s="70">
        <v>-1513</v>
      </c>
      <c r="I30" s="70">
        <v>1998</v>
      </c>
      <c r="J30" s="70">
        <v>799</v>
      </c>
      <c r="K30" s="70">
        <v>756</v>
      </c>
      <c r="L30" s="70">
        <v>1555</v>
      </c>
      <c r="M30" s="70">
        <v>3558</v>
      </c>
      <c r="N30" s="70">
        <v>2947</v>
      </c>
      <c r="O30" s="70">
        <v>2132</v>
      </c>
      <c r="P30" s="70">
        <v>5079</v>
      </c>
      <c r="Q30" s="70">
        <v>6634</v>
      </c>
      <c r="R30" s="70">
        <v>2371</v>
      </c>
      <c r="S30" s="70">
        <v>881</v>
      </c>
      <c r="T30" s="70">
        <v>749</v>
      </c>
      <c r="U30" s="70">
        <v>1630</v>
      </c>
      <c r="V30" s="70">
        <v>2465</v>
      </c>
      <c r="W30" s="70">
        <v>2874</v>
      </c>
      <c r="X30" s="70">
        <v>2108</v>
      </c>
      <c r="Y30" s="70">
        <v>4982</v>
      </c>
      <c r="Z30" s="70">
        <v>6612</v>
      </c>
      <c r="AA30" s="70">
        <v>22</v>
      </c>
      <c r="AB30" s="70">
        <v>-1491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6-02T04:33:38Z</dcterms:created>
  <dcterms:modified xsi:type="dcterms:W3CDTF">2023-06-02T04:33:39Z</dcterms:modified>
</cp:coreProperties>
</file>